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0.1）\"/>
    </mc:Choice>
  </mc:AlternateContent>
  <xr:revisionPtr revIDLastSave="0" documentId="13_ncr:1_{37113E7E-31C3-4819-BE67-755EDC2BD49A}" xr6:coauthVersionLast="36" xr6:coauthVersionMax="43" xr10:uidLastSave="{00000000-0000-0000-0000-000000000000}"/>
  <bookViews>
    <workbookView xWindow="390" yWindow="390" windowWidth="22515" windowHeight="1170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7年 9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26</v>
      </c>
      <c r="C7" s="16">
        <v>13</v>
      </c>
      <c r="D7" s="17">
        <v>5</v>
      </c>
      <c r="E7" s="10">
        <v>1144</v>
      </c>
      <c r="F7" s="8">
        <v>1186</v>
      </c>
      <c r="G7" s="9">
        <v>1196</v>
      </c>
      <c r="H7" s="10">
        <v>2382</v>
      </c>
      <c r="I7" s="8">
        <v>11</v>
      </c>
      <c r="J7" s="9">
        <v>8</v>
      </c>
      <c r="K7" s="10">
        <v>19</v>
      </c>
      <c r="L7" s="8">
        <v>1197</v>
      </c>
      <c r="M7" s="9">
        <v>1204</v>
      </c>
      <c r="N7" s="10">
        <v>2401</v>
      </c>
    </row>
    <row r="8" spans="1:14" ht="18" customHeight="1" x14ac:dyDescent="0.4">
      <c r="A8" s="2" t="s">
        <v>1</v>
      </c>
      <c r="B8" s="15">
        <v>486</v>
      </c>
      <c r="C8" s="16">
        <v>6</v>
      </c>
      <c r="D8" s="17">
        <v>8</v>
      </c>
      <c r="E8" s="10">
        <v>500</v>
      </c>
      <c r="F8" s="8">
        <v>409</v>
      </c>
      <c r="G8" s="9">
        <v>389</v>
      </c>
      <c r="H8" s="10">
        <v>798</v>
      </c>
      <c r="I8" s="8">
        <v>11</v>
      </c>
      <c r="J8" s="9">
        <v>3</v>
      </c>
      <c r="K8" s="10">
        <v>14</v>
      </c>
      <c r="L8" s="8">
        <v>420</v>
      </c>
      <c r="M8" s="9">
        <v>392</v>
      </c>
      <c r="N8" s="10">
        <v>812</v>
      </c>
    </row>
    <row r="9" spans="1:14" ht="18" customHeight="1" x14ac:dyDescent="0.4">
      <c r="A9" s="2" t="s">
        <v>2</v>
      </c>
      <c r="B9" s="15">
        <v>2282</v>
      </c>
      <c r="C9" s="16">
        <v>30</v>
      </c>
      <c r="D9" s="17">
        <v>8</v>
      </c>
      <c r="E9" s="10">
        <v>2320</v>
      </c>
      <c r="F9" s="8">
        <v>2068</v>
      </c>
      <c r="G9" s="9">
        <v>2081</v>
      </c>
      <c r="H9" s="10">
        <v>4149</v>
      </c>
      <c r="I9" s="8">
        <v>29</v>
      </c>
      <c r="J9" s="9">
        <v>26</v>
      </c>
      <c r="K9" s="10">
        <v>55</v>
      </c>
      <c r="L9" s="8">
        <v>2097</v>
      </c>
      <c r="M9" s="9">
        <v>2107</v>
      </c>
      <c r="N9" s="10">
        <v>4204</v>
      </c>
    </row>
    <row r="10" spans="1:14" ht="18" customHeight="1" x14ac:dyDescent="0.4">
      <c r="A10" s="2" t="s">
        <v>3</v>
      </c>
      <c r="B10" s="15">
        <v>2324</v>
      </c>
      <c r="C10" s="16">
        <v>16</v>
      </c>
      <c r="D10" s="17">
        <v>19</v>
      </c>
      <c r="E10" s="10">
        <v>2359</v>
      </c>
      <c r="F10" s="8">
        <v>2132</v>
      </c>
      <c r="G10" s="9">
        <v>2353</v>
      </c>
      <c r="H10" s="10">
        <v>4485</v>
      </c>
      <c r="I10" s="8">
        <v>22</v>
      </c>
      <c r="J10" s="9">
        <v>22</v>
      </c>
      <c r="K10" s="10">
        <v>44</v>
      </c>
      <c r="L10" s="8">
        <v>2154</v>
      </c>
      <c r="M10" s="9">
        <v>2375</v>
      </c>
      <c r="N10" s="10">
        <v>4529</v>
      </c>
    </row>
    <row r="11" spans="1:14" ht="18" customHeight="1" x14ac:dyDescent="0.4">
      <c r="A11" s="2" t="s">
        <v>4</v>
      </c>
      <c r="B11" s="15">
        <v>1055</v>
      </c>
      <c r="C11" s="16">
        <v>11</v>
      </c>
      <c r="D11" s="17">
        <v>3</v>
      </c>
      <c r="E11" s="10">
        <v>1069</v>
      </c>
      <c r="F11" s="8">
        <v>913</v>
      </c>
      <c r="G11" s="9">
        <v>1042</v>
      </c>
      <c r="H11" s="10">
        <v>1955</v>
      </c>
      <c r="I11" s="8">
        <v>14</v>
      </c>
      <c r="J11" s="9">
        <v>12</v>
      </c>
      <c r="K11" s="10">
        <v>26</v>
      </c>
      <c r="L11" s="8">
        <v>927</v>
      </c>
      <c r="M11" s="9">
        <v>1054</v>
      </c>
      <c r="N11" s="10">
        <v>1981</v>
      </c>
    </row>
    <row r="12" spans="1:14" ht="18" customHeight="1" x14ac:dyDescent="0.4">
      <c r="A12" s="2" t="s">
        <v>5</v>
      </c>
      <c r="B12" s="15">
        <v>730</v>
      </c>
      <c r="C12" s="16">
        <v>6</v>
      </c>
      <c r="D12" s="17">
        <v>4</v>
      </c>
      <c r="E12" s="10">
        <v>740</v>
      </c>
      <c r="F12" s="8">
        <v>671</v>
      </c>
      <c r="G12" s="9">
        <v>686</v>
      </c>
      <c r="H12" s="10">
        <v>1357</v>
      </c>
      <c r="I12" s="8">
        <v>8</v>
      </c>
      <c r="J12" s="9">
        <v>7</v>
      </c>
      <c r="K12" s="10">
        <v>15</v>
      </c>
      <c r="L12" s="8">
        <v>679</v>
      </c>
      <c r="M12" s="9">
        <v>693</v>
      </c>
      <c r="N12" s="10">
        <v>1372</v>
      </c>
    </row>
    <row r="13" spans="1:14" ht="18" customHeight="1" x14ac:dyDescent="0.4">
      <c r="A13" s="2" t="s">
        <v>6</v>
      </c>
      <c r="B13" s="15">
        <v>653</v>
      </c>
      <c r="C13" s="16">
        <v>3</v>
      </c>
      <c r="D13" s="17">
        <v>5</v>
      </c>
      <c r="E13" s="10">
        <v>661</v>
      </c>
      <c r="F13" s="8">
        <v>645</v>
      </c>
      <c r="G13" s="9">
        <v>613</v>
      </c>
      <c r="H13" s="10">
        <v>1258</v>
      </c>
      <c r="I13" s="8">
        <v>6</v>
      </c>
      <c r="J13" s="9">
        <v>6</v>
      </c>
      <c r="K13" s="10">
        <v>12</v>
      </c>
      <c r="L13" s="8">
        <v>651</v>
      </c>
      <c r="M13" s="9">
        <v>619</v>
      </c>
      <c r="N13" s="10">
        <v>1270</v>
      </c>
    </row>
    <row r="14" spans="1:14" ht="18" customHeight="1" x14ac:dyDescent="0.4">
      <c r="A14" s="2" t="s">
        <v>7</v>
      </c>
      <c r="B14" s="15">
        <v>352</v>
      </c>
      <c r="C14" s="16">
        <v>15</v>
      </c>
      <c r="D14" s="17">
        <v>2</v>
      </c>
      <c r="E14" s="10">
        <v>369</v>
      </c>
      <c r="F14" s="8">
        <v>327</v>
      </c>
      <c r="G14" s="9">
        <v>395</v>
      </c>
      <c r="H14" s="10">
        <v>722</v>
      </c>
      <c r="I14" s="8">
        <v>15</v>
      </c>
      <c r="J14" s="9">
        <v>4</v>
      </c>
      <c r="K14" s="10">
        <v>19</v>
      </c>
      <c r="L14" s="8">
        <v>342</v>
      </c>
      <c r="M14" s="9">
        <v>399</v>
      </c>
      <c r="N14" s="10">
        <v>741</v>
      </c>
    </row>
    <row r="15" spans="1:14" ht="18" customHeight="1" x14ac:dyDescent="0.4">
      <c r="A15" s="2" t="s">
        <v>8</v>
      </c>
      <c r="B15" s="15">
        <v>1452</v>
      </c>
      <c r="C15" s="16">
        <v>63</v>
      </c>
      <c r="D15" s="17">
        <v>13</v>
      </c>
      <c r="E15" s="10">
        <v>1528</v>
      </c>
      <c r="F15" s="8">
        <v>1137</v>
      </c>
      <c r="G15" s="9">
        <v>1114</v>
      </c>
      <c r="H15" s="10">
        <v>2251</v>
      </c>
      <c r="I15" s="8">
        <v>56</v>
      </c>
      <c r="J15" s="9">
        <v>35</v>
      </c>
      <c r="K15" s="10">
        <v>91</v>
      </c>
      <c r="L15" s="8">
        <v>1193</v>
      </c>
      <c r="M15" s="9">
        <v>1149</v>
      </c>
      <c r="N15" s="10">
        <v>2342</v>
      </c>
    </row>
    <row r="16" spans="1:14" ht="18" customHeight="1" x14ac:dyDescent="0.4">
      <c r="A16" s="2" t="s">
        <v>9</v>
      </c>
      <c r="B16" s="15">
        <v>3276</v>
      </c>
      <c r="C16" s="16">
        <v>76</v>
      </c>
      <c r="D16" s="17">
        <v>38</v>
      </c>
      <c r="E16" s="10">
        <v>3390</v>
      </c>
      <c r="F16" s="8">
        <v>2955</v>
      </c>
      <c r="G16" s="9">
        <v>3352</v>
      </c>
      <c r="H16" s="10">
        <v>6307</v>
      </c>
      <c r="I16" s="8">
        <v>86</v>
      </c>
      <c r="J16" s="9">
        <v>77</v>
      </c>
      <c r="K16" s="10">
        <v>163</v>
      </c>
      <c r="L16" s="8">
        <v>3041</v>
      </c>
      <c r="M16" s="9">
        <v>3429</v>
      </c>
      <c r="N16" s="10">
        <v>6470</v>
      </c>
    </row>
    <row r="17" spans="1:14" ht="18" customHeight="1" x14ac:dyDescent="0.4">
      <c r="A17" s="2" t="s">
        <v>10</v>
      </c>
      <c r="B17" s="15">
        <v>1959</v>
      </c>
      <c r="C17" s="16">
        <v>58</v>
      </c>
      <c r="D17" s="17">
        <v>15</v>
      </c>
      <c r="E17" s="10">
        <v>2032</v>
      </c>
      <c r="F17" s="8">
        <v>1765</v>
      </c>
      <c r="G17" s="9">
        <v>1852</v>
      </c>
      <c r="H17" s="10">
        <v>3617</v>
      </c>
      <c r="I17" s="8">
        <v>52</v>
      </c>
      <c r="J17" s="9">
        <v>33</v>
      </c>
      <c r="K17" s="10">
        <v>85</v>
      </c>
      <c r="L17" s="8">
        <v>1817</v>
      </c>
      <c r="M17" s="9">
        <v>1885</v>
      </c>
      <c r="N17" s="10">
        <v>3702</v>
      </c>
    </row>
    <row r="18" spans="1:14" ht="18" customHeight="1" x14ac:dyDescent="0.4">
      <c r="A18" s="2" t="s">
        <v>11</v>
      </c>
      <c r="B18" s="15">
        <v>615</v>
      </c>
      <c r="C18" s="16">
        <v>4</v>
      </c>
      <c r="D18" s="17">
        <v>1</v>
      </c>
      <c r="E18" s="10">
        <v>620</v>
      </c>
      <c r="F18" s="8">
        <v>571</v>
      </c>
      <c r="G18" s="9">
        <v>538</v>
      </c>
      <c r="H18" s="10">
        <v>1109</v>
      </c>
      <c r="I18" s="8">
        <v>5</v>
      </c>
      <c r="J18" s="9">
        <v>0</v>
      </c>
      <c r="K18" s="10">
        <v>5</v>
      </c>
      <c r="L18" s="8">
        <v>576</v>
      </c>
      <c r="M18" s="9">
        <v>538</v>
      </c>
      <c r="N18" s="10">
        <v>1114</v>
      </c>
    </row>
    <row r="19" spans="1:14" ht="18" customHeight="1" x14ac:dyDescent="0.4">
      <c r="A19" s="2" t="s">
        <v>12</v>
      </c>
      <c r="B19" s="15">
        <v>2222</v>
      </c>
      <c r="C19" s="16">
        <v>26</v>
      </c>
      <c r="D19" s="17">
        <v>27</v>
      </c>
      <c r="E19" s="10">
        <v>2275</v>
      </c>
      <c r="F19" s="8">
        <v>2061</v>
      </c>
      <c r="G19" s="9">
        <v>2245</v>
      </c>
      <c r="H19" s="10">
        <v>4306</v>
      </c>
      <c r="I19" s="8">
        <v>38</v>
      </c>
      <c r="J19" s="9">
        <v>20</v>
      </c>
      <c r="K19" s="10">
        <v>58</v>
      </c>
      <c r="L19" s="8">
        <v>2099</v>
      </c>
      <c r="M19" s="9">
        <v>2265</v>
      </c>
      <c r="N19" s="10">
        <v>4364</v>
      </c>
    </row>
    <row r="20" spans="1:14" ht="18" customHeight="1" x14ac:dyDescent="0.4">
      <c r="A20" s="2" t="s">
        <v>13</v>
      </c>
      <c r="B20" s="15">
        <v>1670</v>
      </c>
      <c r="C20" s="16">
        <v>21</v>
      </c>
      <c r="D20" s="17">
        <v>15</v>
      </c>
      <c r="E20" s="10">
        <v>1706</v>
      </c>
      <c r="F20" s="8">
        <v>1869</v>
      </c>
      <c r="G20" s="9">
        <v>1963</v>
      </c>
      <c r="H20" s="10">
        <v>3832</v>
      </c>
      <c r="I20" s="8">
        <v>25</v>
      </c>
      <c r="J20" s="9">
        <v>22</v>
      </c>
      <c r="K20" s="10">
        <v>47</v>
      </c>
      <c r="L20" s="8">
        <v>1894</v>
      </c>
      <c r="M20" s="9">
        <v>1985</v>
      </c>
      <c r="N20" s="10">
        <v>3879</v>
      </c>
    </row>
    <row r="21" spans="1:14" ht="18" customHeight="1" x14ac:dyDescent="0.4">
      <c r="A21" s="2" t="s">
        <v>14</v>
      </c>
      <c r="B21" s="15">
        <v>1159</v>
      </c>
      <c r="C21" s="16">
        <v>37</v>
      </c>
      <c r="D21" s="17">
        <v>14</v>
      </c>
      <c r="E21" s="10">
        <v>1210</v>
      </c>
      <c r="F21" s="8">
        <v>1039</v>
      </c>
      <c r="G21" s="9">
        <v>1171</v>
      </c>
      <c r="H21" s="10">
        <v>2210</v>
      </c>
      <c r="I21" s="8">
        <v>43</v>
      </c>
      <c r="J21" s="9">
        <v>24</v>
      </c>
      <c r="K21" s="10">
        <v>67</v>
      </c>
      <c r="L21" s="8">
        <v>1082</v>
      </c>
      <c r="M21" s="9">
        <v>1195</v>
      </c>
      <c r="N21" s="10">
        <v>2277</v>
      </c>
    </row>
    <row r="22" spans="1:14" ht="18" customHeight="1" x14ac:dyDescent="0.4">
      <c r="A22" s="2" t="s">
        <v>15</v>
      </c>
      <c r="B22" s="15">
        <v>1030</v>
      </c>
      <c r="C22" s="16">
        <v>22</v>
      </c>
      <c r="D22" s="17">
        <v>12</v>
      </c>
      <c r="E22" s="10">
        <v>1064</v>
      </c>
      <c r="F22" s="8">
        <v>967</v>
      </c>
      <c r="G22" s="9">
        <v>1029</v>
      </c>
      <c r="H22" s="10">
        <v>1996</v>
      </c>
      <c r="I22" s="8">
        <v>30</v>
      </c>
      <c r="J22" s="9">
        <v>16</v>
      </c>
      <c r="K22" s="10">
        <v>46</v>
      </c>
      <c r="L22" s="8">
        <v>997</v>
      </c>
      <c r="M22" s="9">
        <v>1045</v>
      </c>
      <c r="N22" s="10">
        <v>2042</v>
      </c>
    </row>
    <row r="23" spans="1:14" ht="18" customHeight="1" x14ac:dyDescent="0.4">
      <c r="A23" s="2" t="s">
        <v>16</v>
      </c>
      <c r="B23" s="15">
        <v>2165</v>
      </c>
      <c r="C23" s="16">
        <v>29</v>
      </c>
      <c r="D23" s="17">
        <v>22</v>
      </c>
      <c r="E23" s="10">
        <v>2216</v>
      </c>
      <c r="F23" s="8">
        <v>2339</v>
      </c>
      <c r="G23" s="9">
        <v>2571</v>
      </c>
      <c r="H23" s="10">
        <v>4910</v>
      </c>
      <c r="I23" s="8">
        <v>36</v>
      </c>
      <c r="J23" s="9">
        <v>27</v>
      </c>
      <c r="K23" s="10">
        <v>63</v>
      </c>
      <c r="L23" s="8">
        <v>2375</v>
      </c>
      <c r="M23" s="9">
        <v>2598</v>
      </c>
      <c r="N23" s="10">
        <v>4973</v>
      </c>
    </row>
    <row r="24" spans="1:14" ht="18" customHeight="1" x14ac:dyDescent="0.4">
      <c r="A24" s="2" t="s">
        <v>17</v>
      </c>
      <c r="B24" s="15">
        <v>5272</v>
      </c>
      <c r="C24" s="16">
        <v>76</v>
      </c>
      <c r="D24" s="17">
        <v>43</v>
      </c>
      <c r="E24" s="10">
        <v>5391</v>
      </c>
      <c r="F24" s="8">
        <v>5808</v>
      </c>
      <c r="G24" s="9">
        <v>6446</v>
      </c>
      <c r="H24" s="10">
        <v>12254</v>
      </c>
      <c r="I24" s="8">
        <v>83</v>
      </c>
      <c r="J24" s="9">
        <v>61</v>
      </c>
      <c r="K24" s="10">
        <v>144</v>
      </c>
      <c r="L24" s="8">
        <v>5891</v>
      </c>
      <c r="M24" s="9">
        <v>6507</v>
      </c>
      <c r="N24" s="10">
        <v>12398</v>
      </c>
    </row>
    <row r="25" spans="1:14" ht="18" customHeight="1" x14ac:dyDescent="0.4">
      <c r="A25" s="2" t="s">
        <v>18</v>
      </c>
      <c r="B25" s="15">
        <v>2711</v>
      </c>
      <c r="C25" s="16">
        <v>19</v>
      </c>
      <c r="D25" s="17">
        <v>16</v>
      </c>
      <c r="E25" s="10">
        <v>2746</v>
      </c>
      <c r="F25" s="8">
        <v>3042</v>
      </c>
      <c r="G25" s="9">
        <v>3260</v>
      </c>
      <c r="H25" s="10">
        <v>6302</v>
      </c>
      <c r="I25" s="8">
        <v>22</v>
      </c>
      <c r="J25" s="9">
        <v>26</v>
      </c>
      <c r="K25" s="10">
        <v>48</v>
      </c>
      <c r="L25" s="8">
        <v>3064</v>
      </c>
      <c r="M25" s="9">
        <v>3286</v>
      </c>
      <c r="N25" s="10">
        <v>6350</v>
      </c>
    </row>
    <row r="26" spans="1:14" ht="18" customHeight="1" x14ac:dyDescent="0.4">
      <c r="A26" s="2" t="s">
        <v>19</v>
      </c>
      <c r="B26" s="15">
        <v>274</v>
      </c>
      <c r="C26" s="16">
        <v>2</v>
      </c>
      <c r="D26" s="17">
        <v>0</v>
      </c>
      <c r="E26" s="10">
        <v>276</v>
      </c>
      <c r="F26" s="8">
        <v>212</v>
      </c>
      <c r="G26" s="9">
        <v>196</v>
      </c>
      <c r="H26" s="10">
        <v>408</v>
      </c>
      <c r="I26" s="15">
        <v>2</v>
      </c>
      <c r="J26" s="16">
        <v>0</v>
      </c>
      <c r="K26" s="10">
        <v>2</v>
      </c>
      <c r="L26" s="8">
        <v>214</v>
      </c>
      <c r="M26" s="9">
        <v>196</v>
      </c>
      <c r="N26" s="10">
        <v>410</v>
      </c>
    </row>
    <row r="27" spans="1:14" ht="18" customHeight="1" x14ac:dyDescent="0.4">
      <c r="A27" s="2" t="s">
        <v>20</v>
      </c>
      <c r="B27" s="15">
        <v>1980</v>
      </c>
      <c r="C27" s="16">
        <v>26</v>
      </c>
      <c r="D27" s="17">
        <v>14</v>
      </c>
      <c r="E27" s="10">
        <v>2020</v>
      </c>
      <c r="F27" s="8">
        <v>2072</v>
      </c>
      <c r="G27" s="9">
        <v>2090</v>
      </c>
      <c r="H27" s="10">
        <v>4162</v>
      </c>
      <c r="I27" s="8">
        <v>21</v>
      </c>
      <c r="J27" s="9">
        <v>25</v>
      </c>
      <c r="K27" s="10">
        <v>46</v>
      </c>
      <c r="L27" s="8">
        <v>2093</v>
      </c>
      <c r="M27" s="9">
        <v>2115</v>
      </c>
      <c r="N27" s="10">
        <v>4208</v>
      </c>
    </row>
    <row r="28" spans="1:14" ht="18" customHeight="1" x14ac:dyDescent="0.4">
      <c r="A28" s="2" t="s">
        <v>21</v>
      </c>
      <c r="B28" s="15">
        <v>883</v>
      </c>
      <c r="C28" s="16">
        <v>20</v>
      </c>
      <c r="D28" s="17">
        <v>6</v>
      </c>
      <c r="E28" s="10">
        <v>909</v>
      </c>
      <c r="F28" s="8">
        <v>1022</v>
      </c>
      <c r="G28" s="9">
        <v>1022</v>
      </c>
      <c r="H28" s="10">
        <v>2044</v>
      </c>
      <c r="I28" s="8">
        <v>25</v>
      </c>
      <c r="J28" s="9">
        <v>8</v>
      </c>
      <c r="K28" s="10">
        <v>33</v>
      </c>
      <c r="L28" s="8">
        <v>1047</v>
      </c>
      <c r="M28" s="9">
        <v>1030</v>
      </c>
      <c r="N28" s="10">
        <v>2077</v>
      </c>
    </row>
    <row r="29" spans="1:14" ht="18" customHeight="1" x14ac:dyDescent="0.4">
      <c r="A29" s="2" t="s">
        <v>22</v>
      </c>
      <c r="B29" s="15">
        <v>2616</v>
      </c>
      <c r="C29" s="16">
        <v>54</v>
      </c>
      <c r="D29" s="17">
        <v>21</v>
      </c>
      <c r="E29" s="10">
        <v>2691</v>
      </c>
      <c r="F29" s="8">
        <v>2551</v>
      </c>
      <c r="G29" s="9">
        <v>2647</v>
      </c>
      <c r="H29" s="10">
        <v>5198</v>
      </c>
      <c r="I29" s="8">
        <v>59</v>
      </c>
      <c r="J29" s="9">
        <v>48</v>
      </c>
      <c r="K29" s="10">
        <v>107</v>
      </c>
      <c r="L29" s="8">
        <v>2610</v>
      </c>
      <c r="M29" s="9">
        <v>2695</v>
      </c>
      <c r="N29" s="10">
        <v>5305</v>
      </c>
    </row>
    <row r="30" spans="1:14" ht="18" customHeight="1" x14ac:dyDescent="0.4">
      <c r="A30" s="2" t="s">
        <v>23</v>
      </c>
      <c r="B30" s="15">
        <v>2618</v>
      </c>
      <c r="C30" s="16">
        <v>119</v>
      </c>
      <c r="D30" s="17">
        <v>13</v>
      </c>
      <c r="E30" s="10">
        <v>2750</v>
      </c>
      <c r="F30" s="8">
        <v>2819</v>
      </c>
      <c r="G30" s="9">
        <v>3015</v>
      </c>
      <c r="H30" s="10">
        <v>5834</v>
      </c>
      <c r="I30" s="8">
        <v>98</v>
      </c>
      <c r="J30" s="9">
        <v>38</v>
      </c>
      <c r="K30" s="10">
        <v>136</v>
      </c>
      <c r="L30" s="8">
        <v>2917</v>
      </c>
      <c r="M30" s="9">
        <v>3053</v>
      </c>
      <c r="N30" s="10">
        <v>5970</v>
      </c>
    </row>
    <row r="31" spans="1:14" ht="18" customHeight="1" x14ac:dyDescent="0.4">
      <c r="A31" s="2" t="s">
        <v>24</v>
      </c>
      <c r="B31" s="15">
        <v>1303</v>
      </c>
      <c r="C31" s="16">
        <v>21</v>
      </c>
      <c r="D31" s="17">
        <v>15</v>
      </c>
      <c r="E31" s="10">
        <v>1339</v>
      </c>
      <c r="F31" s="8">
        <v>1287</v>
      </c>
      <c r="G31" s="9">
        <v>1393</v>
      </c>
      <c r="H31" s="10">
        <v>2680</v>
      </c>
      <c r="I31" s="8">
        <v>29</v>
      </c>
      <c r="J31" s="9">
        <v>16</v>
      </c>
      <c r="K31" s="10">
        <v>45</v>
      </c>
      <c r="L31" s="8">
        <v>1316</v>
      </c>
      <c r="M31" s="9">
        <v>1409</v>
      </c>
      <c r="N31" s="10">
        <v>2725</v>
      </c>
    </row>
    <row r="32" spans="1:14" ht="18" customHeight="1" x14ac:dyDescent="0.4">
      <c r="A32" s="2" t="s">
        <v>25</v>
      </c>
      <c r="B32" s="15">
        <v>2791</v>
      </c>
      <c r="C32" s="16">
        <v>60</v>
      </c>
      <c r="D32" s="17">
        <v>28</v>
      </c>
      <c r="E32" s="10">
        <v>2879</v>
      </c>
      <c r="F32" s="8">
        <v>3177</v>
      </c>
      <c r="G32" s="9">
        <v>3228</v>
      </c>
      <c r="H32" s="10">
        <v>6405</v>
      </c>
      <c r="I32" s="8">
        <v>74</v>
      </c>
      <c r="J32" s="9">
        <v>35</v>
      </c>
      <c r="K32" s="10">
        <v>109</v>
      </c>
      <c r="L32" s="8">
        <v>3251</v>
      </c>
      <c r="M32" s="9">
        <v>3263</v>
      </c>
      <c r="N32" s="10">
        <v>6514</v>
      </c>
    </row>
    <row r="33" spans="1:14" ht="18" customHeight="1" x14ac:dyDescent="0.4">
      <c r="A33" s="2" t="s">
        <v>26</v>
      </c>
      <c r="B33" s="15">
        <v>3848</v>
      </c>
      <c r="C33" s="16">
        <v>83</v>
      </c>
      <c r="D33" s="17">
        <v>47</v>
      </c>
      <c r="E33" s="10">
        <v>3978</v>
      </c>
      <c r="F33" s="8">
        <v>4010</v>
      </c>
      <c r="G33" s="9">
        <v>4484</v>
      </c>
      <c r="H33" s="10">
        <v>8494</v>
      </c>
      <c r="I33" s="8">
        <v>116</v>
      </c>
      <c r="J33" s="9">
        <v>58</v>
      </c>
      <c r="K33" s="10">
        <v>174</v>
      </c>
      <c r="L33" s="8">
        <v>4126</v>
      </c>
      <c r="M33" s="9">
        <v>4542</v>
      </c>
      <c r="N33" s="10">
        <v>8668</v>
      </c>
    </row>
    <row r="34" spans="1:14" ht="18" customHeight="1" x14ac:dyDescent="0.4">
      <c r="A34" s="2" t="s">
        <v>27</v>
      </c>
      <c r="B34" s="15">
        <v>2192</v>
      </c>
      <c r="C34" s="16">
        <v>29</v>
      </c>
      <c r="D34" s="17">
        <v>16</v>
      </c>
      <c r="E34" s="10">
        <v>2237</v>
      </c>
      <c r="F34" s="8">
        <v>2282</v>
      </c>
      <c r="G34" s="9">
        <v>2283</v>
      </c>
      <c r="H34" s="10">
        <v>4565</v>
      </c>
      <c r="I34" s="8">
        <v>32</v>
      </c>
      <c r="J34" s="9">
        <v>24</v>
      </c>
      <c r="K34" s="10">
        <v>56</v>
      </c>
      <c r="L34" s="8">
        <v>2314</v>
      </c>
      <c r="M34" s="9">
        <v>2307</v>
      </c>
      <c r="N34" s="10">
        <v>4621</v>
      </c>
    </row>
    <row r="35" spans="1:14" ht="18" customHeight="1" x14ac:dyDescent="0.4">
      <c r="A35" s="2" t="s">
        <v>28</v>
      </c>
      <c r="B35" s="15">
        <v>449</v>
      </c>
      <c r="C35" s="16">
        <v>1</v>
      </c>
      <c r="D35" s="17">
        <v>5</v>
      </c>
      <c r="E35" s="10">
        <v>455</v>
      </c>
      <c r="F35" s="8">
        <v>534</v>
      </c>
      <c r="G35" s="9">
        <v>573</v>
      </c>
      <c r="H35" s="10">
        <v>1107</v>
      </c>
      <c r="I35" s="8">
        <v>4</v>
      </c>
      <c r="J35" s="9">
        <v>2</v>
      </c>
      <c r="K35" s="10">
        <v>6</v>
      </c>
      <c r="L35" s="8">
        <v>538</v>
      </c>
      <c r="M35" s="9">
        <v>575</v>
      </c>
      <c r="N35" s="10">
        <v>1113</v>
      </c>
    </row>
    <row r="36" spans="1:14" ht="18" customHeight="1" x14ac:dyDescent="0.4">
      <c r="A36" s="2" t="s">
        <v>29</v>
      </c>
      <c r="B36" s="15">
        <v>3233</v>
      </c>
      <c r="C36" s="16">
        <v>97</v>
      </c>
      <c r="D36" s="17">
        <v>46</v>
      </c>
      <c r="E36" s="10">
        <v>3376</v>
      </c>
      <c r="F36" s="8">
        <v>3348</v>
      </c>
      <c r="G36" s="9">
        <v>3612</v>
      </c>
      <c r="H36" s="10">
        <v>6960</v>
      </c>
      <c r="I36" s="8">
        <v>107</v>
      </c>
      <c r="J36" s="9">
        <v>80</v>
      </c>
      <c r="K36" s="10">
        <v>187</v>
      </c>
      <c r="L36" s="8">
        <v>3455</v>
      </c>
      <c r="M36" s="9">
        <v>3692</v>
      </c>
      <c r="N36" s="10">
        <v>7147</v>
      </c>
    </row>
    <row r="37" spans="1:14" ht="18" customHeight="1" x14ac:dyDescent="0.4">
      <c r="A37" s="2" t="s">
        <v>30</v>
      </c>
      <c r="B37" s="15">
        <v>1815</v>
      </c>
      <c r="C37" s="16">
        <v>59</v>
      </c>
      <c r="D37" s="17">
        <v>25</v>
      </c>
      <c r="E37" s="10">
        <v>1899</v>
      </c>
      <c r="F37" s="8">
        <v>1768</v>
      </c>
      <c r="G37" s="9">
        <v>2134</v>
      </c>
      <c r="H37" s="10">
        <v>3902</v>
      </c>
      <c r="I37" s="8">
        <v>73</v>
      </c>
      <c r="J37" s="9">
        <v>44</v>
      </c>
      <c r="K37" s="10">
        <v>117</v>
      </c>
      <c r="L37" s="8">
        <v>1841</v>
      </c>
      <c r="M37" s="9">
        <v>2178</v>
      </c>
      <c r="N37" s="10">
        <v>4019</v>
      </c>
    </row>
    <row r="38" spans="1:14" ht="18" customHeight="1" x14ac:dyDescent="0.4">
      <c r="A38" s="2" t="s">
        <v>31</v>
      </c>
      <c r="B38" s="15">
        <v>3999</v>
      </c>
      <c r="C38" s="16">
        <v>114</v>
      </c>
      <c r="D38" s="17">
        <v>42</v>
      </c>
      <c r="E38" s="10">
        <v>4155</v>
      </c>
      <c r="F38" s="8">
        <v>4292</v>
      </c>
      <c r="G38" s="9">
        <v>4462</v>
      </c>
      <c r="H38" s="10">
        <v>8754</v>
      </c>
      <c r="I38" s="8">
        <v>129</v>
      </c>
      <c r="J38" s="9">
        <v>58</v>
      </c>
      <c r="K38" s="10">
        <v>187</v>
      </c>
      <c r="L38" s="8">
        <v>4421</v>
      </c>
      <c r="M38" s="9">
        <v>4520</v>
      </c>
      <c r="N38" s="10">
        <v>8941</v>
      </c>
    </row>
    <row r="39" spans="1:14" ht="18" customHeight="1" x14ac:dyDescent="0.4">
      <c r="A39" s="2" t="s">
        <v>32</v>
      </c>
      <c r="B39" s="15">
        <v>1553</v>
      </c>
      <c r="C39" s="16">
        <v>27</v>
      </c>
      <c r="D39" s="17">
        <v>17</v>
      </c>
      <c r="E39" s="10">
        <v>1597</v>
      </c>
      <c r="F39" s="8">
        <v>1776</v>
      </c>
      <c r="G39" s="9">
        <v>1981</v>
      </c>
      <c r="H39" s="10">
        <v>3757</v>
      </c>
      <c r="I39" s="8">
        <v>29</v>
      </c>
      <c r="J39" s="9">
        <v>24</v>
      </c>
      <c r="K39" s="10">
        <v>53</v>
      </c>
      <c r="L39" s="8">
        <v>1805</v>
      </c>
      <c r="M39" s="9">
        <v>2005</v>
      </c>
      <c r="N39" s="10">
        <v>3810</v>
      </c>
    </row>
    <row r="40" spans="1:14" ht="18" customHeight="1" x14ac:dyDescent="0.4">
      <c r="A40" s="2" t="s">
        <v>33</v>
      </c>
      <c r="B40" s="15">
        <v>475</v>
      </c>
      <c r="C40" s="16">
        <v>9</v>
      </c>
      <c r="D40" s="17">
        <v>9</v>
      </c>
      <c r="E40" s="10">
        <v>493</v>
      </c>
      <c r="F40" s="8">
        <v>517</v>
      </c>
      <c r="G40" s="9">
        <v>586</v>
      </c>
      <c r="H40" s="10">
        <v>1103</v>
      </c>
      <c r="I40" s="8">
        <v>10</v>
      </c>
      <c r="J40" s="9">
        <v>12</v>
      </c>
      <c r="K40" s="10">
        <v>22</v>
      </c>
      <c r="L40" s="8">
        <v>527</v>
      </c>
      <c r="M40" s="9">
        <v>598</v>
      </c>
      <c r="N40" s="10">
        <v>1125</v>
      </c>
    </row>
    <row r="41" spans="1:14" ht="18" customHeight="1" x14ac:dyDescent="0.4">
      <c r="A41" s="2" t="s">
        <v>34</v>
      </c>
      <c r="B41" s="15">
        <v>1178</v>
      </c>
      <c r="C41" s="16">
        <v>17</v>
      </c>
      <c r="D41" s="17">
        <v>8</v>
      </c>
      <c r="E41" s="10">
        <v>1203</v>
      </c>
      <c r="F41" s="8">
        <v>1180</v>
      </c>
      <c r="G41" s="9">
        <v>1252</v>
      </c>
      <c r="H41" s="10">
        <v>2432</v>
      </c>
      <c r="I41" s="8">
        <v>16</v>
      </c>
      <c r="J41" s="9">
        <v>12</v>
      </c>
      <c r="K41" s="10">
        <v>28</v>
      </c>
      <c r="L41" s="8">
        <v>1196</v>
      </c>
      <c r="M41" s="9">
        <v>1264</v>
      </c>
      <c r="N41" s="10">
        <v>2460</v>
      </c>
    </row>
    <row r="42" spans="1:14" ht="18" customHeight="1" x14ac:dyDescent="0.4">
      <c r="A42" s="2" t="s">
        <v>35</v>
      </c>
      <c r="B42" s="15">
        <v>1065</v>
      </c>
      <c r="C42" s="16">
        <v>16</v>
      </c>
      <c r="D42" s="17">
        <v>5</v>
      </c>
      <c r="E42" s="10">
        <v>1086</v>
      </c>
      <c r="F42" s="8">
        <v>1208</v>
      </c>
      <c r="G42" s="9">
        <v>1276</v>
      </c>
      <c r="H42" s="10">
        <v>2484</v>
      </c>
      <c r="I42" s="8">
        <v>19</v>
      </c>
      <c r="J42" s="9">
        <v>6</v>
      </c>
      <c r="K42" s="10">
        <v>25</v>
      </c>
      <c r="L42" s="8">
        <v>1227</v>
      </c>
      <c r="M42" s="9">
        <v>1282</v>
      </c>
      <c r="N42" s="10">
        <v>2509</v>
      </c>
    </row>
    <row r="43" spans="1:14" ht="18" customHeight="1" x14ac:dyDescent="0.4">
      <c r="A43" s="2" t="s">
        <v>36</v>
      </c>
      <c r="B43" s="15">
        <v>1152</v>
      </c>
      <c r="C43" s="16">
        <v>45</v>
      </c>
      <c r="D43" s="17">
        <v>9</v>
      </c>
      <c r="E43" s="10">
        <v>1206</v>
      </c>
      <c r="F43" s="8">
        <v>1257</v>
      </c>
      <c r="G43" s="9">
        <v>1226</v>
      </c>
      <c r="H43" s="10">
        <v>2483</v>
      </c>
      <c r="I43" s="8">
        <v>30</v>
      </c>
      <c r="J43" s="9">
        <v>34</v>
      </c>
      <c r="K43" s="10">
        <v>64</v>
      </c>
      <c r="L43" s="8">
        <v>1287</v>
      </c>
      <c r="M43" s="9">
        <v>1260</v>
      </c>
      <c r="N43" s="10">
        <v>2547</v>
      </c>
    </row>
    <row r="44" spans="1:14" ht="18" customHeight="1" x14ac:dyDescent="0.4">
      <c r="A44" s="2" t="s">
        <v>37</v>
      </c>
      <c r="B44" s="15">
        <v>157</v>
      </c>
      <c r="C44" s="16">
        <v>3</v>
      </c>
      <c r="D44" s="17">
        <v>0</v>
      </c>
      <c r="E44" s="10">
        <v>160</v>
      </c>
      <c r="F44" s="8">
        <v>103</v>
      </c>
      <c r="G44" s="9">
        <v>170</v>
      </c>
      <c r="H44" s="10">
        <v>273</v>
      </c>
      <c r="I44" s="8">
        <v>2</v>
      </c>
      <c r="J44" s="9">
        <v>5</v>
      </c>
      <c r="K44" s="10">
        <v>7</v>
      </c>
      <c r="L44" s="8">
        <v>105</v>
      </c>
      <c r="M44" s="9">
        <v>175</v>
      </c>
      <c r="N44" s="10">
        <v>280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120</v>
      </c>
      <c r="C52" s="9">
        <v>1333</v>
      </c>
      <c r="D52" s="14">
        <v>596</v>
      </c>
      <c r="E52" s="10">
        <v>68049</v>
      </c>
      <c r="F52" s="8">
        <v>67319</v>
      </c>
      <c r="G52" s="9">
        <v>71926</v>
      </c>
      <c r="H52" s="10">
        <v>139245</v>
      </c>
      <c r="I52" s="8">
        <v>1467</v>
      </c>
      <c r="J52" s="9">
        <v>958</v>
      </c>
      <c r="K52" s="10">
        <v>2425</v>
      </c>
      <c r="L52" s="8">
        <v>68786</v>
      </c>
      <c r="M52" s="9">
        <v>72884</v>
      </c>
      <c r="N52" s="10">
        <v>141670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4-11-05T06:01:44Z</cp:lastPrinted>
  <dcterms:created xsi:type="dcterms:W3CDTF">2019-11-13T09:53:37Z</dcterms:created>
  <dcterms:modified xsi:type="dcterms:W3CDTF">2025-10-02T05:34:32Z</dcterms:modified>
</cp:coreProperties>
</file>